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C:\Users\s12265\Desktop\"/>
    </mc:Choice>
  </mc:AlternateContent>
  <bookViews>
    <workbookView xWindow="5748" yWindow="-36" windowWidth="10272" windowHeight="8100"/>
  </bookViews>
  <sheets>
    <sheet name="QA" sheetId="10" r:id="rId1"/>
  </sheets>
  <definedNames>
    <definedName name="_xlnm.Print_Titles" localSheetId="0">QA!$2:$2</definedName>
    <definedName name="リスト名">#REF!</definedName>
    <definedName name="担当課">#REF!</definedName>
  </definedNames>
  <calcPr calcId="162913"/>
</workbook>
</file>

<file path=xl/sharedStrings.xml><?xml version="1.0" encoding="utf-8"?>
<sst xmlns="http://schemas.openxmlformats.org/spreadsheetml/2006/main" count="94" uniqueCount="67">
  <si>
    <t>特に制限はありません。</t>
    <rPh sb="0" eb="1">
      <t>トク</t>
    </rPh>
    <rPh sb="2" eb="4">
      <t>セイゲン</t>
    </rPh>
    <phoneticPr fontId="1"/>
  </si>
  <si>
    <t>各団体それぞれご提出お願いします。</t>
    <rPh sb="0" eb="3">
      <t>カクダンタイ</t>
    </rPh>
    <rPh sb="8" eb="10">
      <t>テイシュツ</t>
    </rPh>
    <rPh sb="11" eb="12">
      <t>ネガ</t>
    </rPh>
    <phoneticPr fontId="1"/>
  </si>
  <si>
    <t>№</t>
    <phoneticPr fontId="1"/>
  </si>
  <si>
    <t>お見込みのとおりです。</t>
    <rPh sb="1" eb="3">
      <t>ミコ</t>
    </rPh>
    <phoneticPr fontId="1"/>
  </si>
  <si>
    <t>各法人分を提出してください。</t>
    <rPh sb="0" eb="1">
      <t>カク</t>
    </rPh>
    <rPh sb="1" eb="3">
      <t>ホウジン</t>
    </rPh>
    <rPh sb="3" eb="4">
      <t>ブン</t>
    </rPh>
    <rPh sb="5" eb="7">
      <t>テイシ</t>
    </rPh>
    <phoneticPr fontId="1"/>
  </si>
  <si>
    <t>履歴事項全部証明書を提出してください。</t>
    <rPh sb="0" eb="2">
      <t>リレキ</t>
    </rPh>
    <rPh sb="2" eb="4">
      <t>ジコウ</t>
    </rPh>
    <rPh sb="4" eb="6">
      <t>ゼンフ</t>
    </rPh>
    <rPh sb="6" eb="9">
      <t>ショウメイショ</t>
    </rPh>
    <rPh sb="10" eb="12">
      <t>テイシ</t>
    </rPh>
    <phoneticPr fontId="1"/>
  </si>
  <si>
    <t>該当箇所</t>
    <rPh sb="0" eb="2">
      <t>ガイトウ</t>
    </rPh>
    <rPh sb="2" eb="4">
      <t>カショ</t>
    </rPh>
    <phoneticPr fontId="1"/>
  </si>
  <si>
    <t>回答</t>
    <rPh sb="0" eb="2">
      <t>カイトウ</t>
    </rPh>
    <phoneticPr fontId="1"/>
  </si>
  <si>
    <t>質問内容</t>
    <rPh sb="0" eb="2">
      <t>シツモン</t>
    </rPh>
    <rPh sb="2" eb="4">
      <t>ナイヨウ</t>
    </rPh>
    <phoneticPr fontId="1"/>
  </si>
  <si>
    <t>業務仕様書</t>
    <rPh sb="0" eb="2">
      <t>ギョウム</t>
    </rPh>
    <rPh sb="2" eb="5">
      <t>シヨウショ</t>
    </rPh>
    <phoneticPr fontId="1"/>
  </si>
  <si>
    <t>募集要項</t>
    <rPh sb="0" eb="2">
      <t>ボシュウ</t>
    </rPh>
    <rPh sb="2" eb="4">
      <t>ヨウコウ</t>
    </rPh>
    <phoneticPr fontId="1"/>
  </si>
  <si>
    <t>市と協議のうえ、一般利用者の利用に影響がない範囲で優先的に確保できます。</t>
    <rPh sb="0" eb="1">
      <t>シ</t>
    </rPh>
    <rPh sb="2" eb="4">
      <t>キョウギ</t>
    </rPh>
    <rPh sb="8" eb="10">
      <t>イッパン</t>
    </rPh>
    <rPh sb="10" eb="13">
      <t>リヨウシャ</t>
    </rPh>
    <rPh sb="14" eb="16">
      <t>リヨウ</t>
    </rPh>
    <rPh sb="17" eb="19">
      <t>エイキョウ</t>
    </rPh>
    <rPh sb="22" eb="24">
      <t>ハンイ</t>
    </rPh>
    <rPh sb="25" eb="27">
      <t>ユウセン</t>
    </rPh>
    <rPh sb="27" eb="28">
      <t>テキ</t>
    </rPh>
    <rPh sb="29" eb="31">
      <t>カクホ</t>
    </rPh>
    <phoneticPr fontId="1"/>
  </si>
  <si>
    <t>代表となる法人等の出資比率が５０％以上であれば問題ありません。</t>
    <rPh sb="0" eb="2">
      <t>ダイヒョウ</t>
    </rPh>
    <rPh sb="5" eb="7">
      <t>ホウジン</t>
    </rPh>
    <rPh sb="7" eb="8">
      <t>ナド</t>
    </rPh>
    <rPh sb="9" eb="11">
      <t>シュッシ</t>
    </rPh>
    <rPh sb="11" eb="13">
      <t>ヒリツ</t>
    </rPh>
    <rPh sb="17" eb="19">
      <t>イジョウ</t>
    </rPh>
    <rPh sb="23" eb="25">
      <t>モンダイ</t>
    </rPh>
    <phoneticPr fontId="1"/>
  </si>
  <si>
    <t>その他</t>
    <rPh sb="2" eb="3">
      <t>タ</t>
    </rPh>
    <phoneticPr fontId="1"/>
  </si>
  <si>
    <t>P6-13（5）</t>
    <phoneticPr fontId="1"/>
  </si>
  <si>
    <t>お見込みのとおりです。</t>
    <rPh sb="1" eb="3">
      <t>ミコミ</t>
    </rPh>
    <phoneticPr fontId="1"/>
  </si>
  <si>
    <t>お見込みのとおりです。責任分担割合として捉えてください。</t>
    <rPh sb="1" eb="3">
      <t>ミコミ</t>
    </rPh>
    <phoneticPr fontId="1"/>
  </si>
  <si>
    <t>資料名</t>
    <rPh sb="0" eb="2">
      <t>シリョウ</t>
    </rPh>
    <rPh sb="2" eb="3">
      <t>メイ</t>
    </rPh>
    <phoneticPr fontId="1"/>
  </si>
  <si>
    <t>市内に所在する団体とは、「狭山市内に本・支店などを設置している団体」ということですか？</t>
    <phoneticPr fontId="1"/>
  </si>
  <si>
    <t>「市内に所在する団体をできるだけ活用すること」とあるが、市内団体を活用することで審査（選定）に加点（評価）されますか？</t>
    <phoneticPr fontId="1"/>
  </si>
  <si>
    <t>可能です。なお、回答については、公平性を担保するため質問書で受付したものと同様に狭山市公式ホームページでも公開します。</t>
    <rPh sb="0" eb="2">
      <t>カノウ</t>
    </rPh>
    <rPh sb="8" eb="10">
      <t>カイトウ</t>
    </rPh>
    <rPh sb="16" eb="19">
      <t>コウヘイセイ</t>
    </rPh>
    <rPh sb="20" eb="22">
      <t>タンポ</t>
    </rPh>
    <rPh sb="26" eb="29">
      <t>シツモンショ</t>
    </rPh>
    <rPh sb="30" eb="31">
      <t>ウ</t>
    </rPh>
    <rPh sb="31" eb="32">
      <t>ツ</t>
    </rPh>
    <rPh sb="37" eb="39">
      <t>ドウヨウ</t>
    </rPh>
    <rPh sb="40" eb="43">
      <t>サヤマシ</t>
    </rPh>
    <rPh sb="43" eb="45">
      <t>コウシキ</t>
    </rPh>
    <rPh sb="53" eb="55">
      <t>コウカイ</t>
    </rPh>
    <phoneticPr fontId="1"/>
  </si>
  <si>
    <t>質問は7月20日以降、随時、提出可能ですか？</t>
    <rPh sb="16" eb="18">
      <t>カノウ</t>
    </rPh>
    <phoneticPr fontId="1"/>
  </si>
  <si>
    <t>応募申請書類等の提出後からプレゼン・ヒアリング（2次審査）までの流れをご教示ください。</t>
    <phoneticPr fontId="1"/>
  </si>
  <si>
    <t>各項目の具体的な点数配分を教えてください。</t>
    <rPh sb="13" eb="14">
      <t>オシ</t>
    </rPh>
    <phoneticPr fontId="1"/>
  </si>
  <si>
    <t>法人等の概要が分かる書類や登記簿謄本など会社の状況を示す公的書類について、グループで応募する場合は各法人分必要ですか？</t>
    <phoneticPr fontId="1"/>
  </si>
  <si>
    <t>「法人の登記簿謄本」は、全部履歴証明のことでしょうか？</t>
    <phoneticPr fontId="1"/>
  </si>
  <si>
    <t>「受託事業実績概要書」は、代表団体・構成団体で別々に提出するのでしょうか？</t>
    <phoneticPr fontId="1"/>
  </si>
  <si>
    <t>受託能力の評価とは具体的に何を評価するのでしょうか？</t>
    <rPh sb="5" eb="7">
      <t>ヒョウカ</t>
    </rPh>
    <rPh sb="9" eb="12">
      <t>グタイテキ</t>
    </rPh>
    <rPh sb="13" eb="14">
      <t>ナニ</t>
    </rPh>
    <rPh sb="15" eb="17">
      <t>ヒョウカ</t>
    </rPh>
    <phoneticPr fontId="1"/>
  </si>
  <si>
    <t>喫茶軽食スペースの営業時間は開館時間と捉えて良いですか？</t>
    <rPh sb="0" eb="2">
      <t>キッサ</t>
    </rPh>
    <rPh sb="2" eb="4">
      <t>ケイショク</t>
    </rPh>
    <rPh sb="22" eb="23">
      <t>ヨ</t>
    </rPh>
    <phoneticPr fontId="1"/>
  </si>
  <si>
    <t>廃棄物の回収・処理は全て指定管理者の業務として費用を計上しますか？</t>
    <phoneticPr fontId="1"/>
  </si>
  <si>
    <t>条例等の変更があった際は、指定管理者が随時パンフレット、リーフレット等への改正を行うのでしょうか？</t>
    <phoneticPr fontId="1"/>
  </si>
  <si>
    <t>市内団体を活用したことによる加点はありません。市内雇用、市内調達を促す意味で、市内団体の活用をお願いするものです。</t>
    <rPh sb="0" eb="2">
      <t>シナイ</t>
    </rPh>
    <rPh sb="2" eb="4">
      <t>ダンタイ</t>
    </rPh>
    <rPh sb="5" eb="7">
      <t>カツヨウ</t>
    </rPh>
    <rPh sb="14" eb="16">
      <t>カテン</t>
    </rPh>
    <rPh sb="23" eb="25">
      <t>シナイ</t>
    </rPh>
    <rPh sb="25" eb="27">
      <t>コヨウ</t>
    </rPh>
    <rPh sb="28" eb="30">
      <t>シナイ</t>
    </rPh>
    <rPh sb="30" eb="32">
      <t>チョウタツ</t>
    </rPh>
    <rPh sb="33" eb="34">
      <t>ウナガ</t>
    </rPh>
    <rPh sb="35" eb="37">
      <t>イミ</t>
    </rPh>
    <rPh sb="39" eb="41">
      <t>シナイ</t>
    </rPh>
    <rPh sb="41" eb="43">
      <t>ダンタイ</t>
    </rPh>
    <rPh sb="44" eb="46">
      <t>カツヨウ</t>
    </rPh>
    <rPh sb="48" eb="49">
      <t>ネガ</t>
    </rPh>
    <phoneticPr fontId="1"/>
  </si>
  <si>
    <t>指定管理者が実施する自主事業で使用する施設は、一般利用者が予約する以前に予約可能ですか？</t>
    <rPh sb="38" eb="40">
      <t>カノウ</t>
    </rPh>
    <phoneticPr fontId="1"/>
  </si>
  <si>
    <t>自動販売機等を設置する場合の行政財産使用料を教えてください。</t>
    <rPh sb="1" eb="3">
      <t>コウザ</t>
    </rPh>
    <rPh sb="9" eb="11">
      <t>ハンバイ</t>
    </rPh>
    <rPh sb="11" eb="12">
      <t>ナド</t>
    </rPh>
    <rPh sb="13" eb="15">
      <t>キカク</t>
    </rPh>
    <rPh sb="15" eb="17">
      <t>ウンエイ</t>
    </rPh>
    <rPh sb="22" eb="23">
      <t>オシウンエイウンエイジギョウウンエイジュンリエキカンガオヨクミアワジギョウバアイガッサンガクカンガ</t>
    </rPh>
    <phoneticPr fontId="1"/>
  </si>
  <si>
    <t>応募関係書類の提出後は、適格性及び提案内容の整合性について第１次審査を実施し、文書等により結果と２次審査の案内を通知します。</t>
    <rPh sb="0" eb="2">
      <t>オウボ</t>
    </rPh>
    <rPh sb="2" eb="4">
      <t>カンケイ</t>
    </rPh>
    <rPh sb="4" eb="6">
      <t>ショルイ</t>
    </rPh>
    <rPh sb="7" eb="9">
      <t>テイシュツ</t>
    </rPh>
    <rPh sb="9" eb="10">
      <t>ゴ</t>
    </rPh>
    <rPh sb="12" eb="15">
      <t>テキカクセイ</t>
    </rPh>
    <rPh sb="15" eb="16">
      <t>オヨ</t>
    </rPh>
    <rPh sb="17" eb="19">
      <t>テイアン</t>
    </rPh>
    <rPh sb="19" eb="21">
      <t>ナイヨウ</t>
    </rPh>
    <rPh sb="22" eb="25">
      <t>セイゴウセイ</t>
    </rPh>
    <rPh sb="29" eb="30">
      <t>ダイ</t>
    </rPh>
    <rPh sb="31" eb="32">
      <t>ジ</t>
    </rPh>
    <rPh sb="32" eb="34">
      <t>シンサ</t>
    </rPh>
    <rPh sb="35" eb="37">
      <t>ジッシ</t>
    </rPh>
    <rPh sb="39" eb="41">
      <t>ブンショ</t>
    </rPh>
    <rPh sb="41" eb="42">
      <t>トウ</t>
    </rPh>
    <rPh sb="45" eb="47">
      <t>ケッカ</t>
    </rPh>
    <rPh sb="49" eb="50">
      <t>ジ</t>
    </rPh>
    <rPh sb="50" eb="52">
      <t>シンサ</t>
    </rPh>
    <rPh sb="53" eb="55">
      <t>アンナイ</t>
    </rPh>
    <rPh sb="56" eb="58">
      <t>ツウチ</t>
    </rPh>
    <phoneticPr fontId="1"/>
  </si>
  <si>
    <t>喫茶軽食スペース等でにおい等における制限はありますか？</t>
    <rPh sb="8" eb="9">
      <t>ナド</t>
    </rPh>
    <phoneticPr fontId="1"/>
  </si>
  <si>
    <t>団体の財務状況及び受託事業実績（指定管理・業務委託）により評価します。</t>
    <rPh sb="0" eb="2">
      <t>ダンタイ</t>
    </rPh>
    <rPh sb="3" eb="5">
      <t>ザイム</t>
    </rPh>
    <rPh sb="5" eb="7">
      <t>ジョウキョウ</t>
    </rPh>
    <rPh sb="7" eb="8">
      <t>オヨ</t>
    </rPh>
    <rPh sb="9" eb="11">
      <t>ジュタク</t>
    </rPh>
    <rPh sb="11" eb="13">
      <t>ジギ</t>
    </rPh>
    <rPh sb="13" eb="15">
      <t>ジッセキ</t>
    </rPh>
    <rPh sb="16" eb="18">
      <t>シテイ</t>
    </rPh>
    <rPh sb="18" eb="20">
      <t>カンリ</t>
    </rPh>
    <rPh sb="21" eb="23">
      <t>ギョウム</t>
    </rPh>
    <rPh sb="23" eb="25">
      <t>イタク</t>
    </rPh>
    <rPh sb="29" eb="31">
      <t>ヒョウカ</t>
    </rPh>
    <phoneticPr fontId="1"/>
  </si>
  <si>
    <t>保守点検業務の仕様について、法律に定められた基準を満たしていれば回数等は提案可能ですか？</t>
    <rPh sb="38" eb="40">
      <t>カノウ</t>
    </rPh>
    <phoneticPr fontId="1"/>
  </si>
  <si>
    <t>P5-5-(1)-③</t>
    <phoneticPr fontId="1"/>
  </si>
  <si>
    <t>指定管理制度における共同事業体（グループ）とは出資を伴わない協定書による組織であると理解しているが、ここでいう「出資比率」とは責任分担比率との理解で良いですか？</t>
    <phoneticPr fontId="1"/>
  </si>
  <si>
    <t>共同事業体（グループ）により応募する場合における出資比率の最小限度基準について記載がありますが、５社以上となった場合、出資比率割合が１０％以下になる構成となっても問題ないですか？</t>
    <rPh sb="39" eb="41">
      <t>キサイ</t>
    </rPh>
    <rPh sb="56" eb="58">
      <t>バアイ</t>
    </rPh>
    <rPh sb="69" eb="71">
      <t>イカ</t>
    </rPh>
    <rPh sb="74" eb="76">
      <t>コウセイ</t>
    </rPh>
    <rPh sb="81" eb="83">
      <t>モンダイ</t>
    </rPh>
    <phoneticPr fontId="1"/>
  </si>
  <si>
    <t>P5-5-(1)-⑤</t>
    <phoneticPr fontId="1"/>
  </si>
  <si>
    <t>P8-11</t>
    <phoneticPr fontId="1"/>
  </si>
  <si>
    <t>7月21日から7月28日までです。</t>
    <rPh sb="1" eb="2">
      <t>ツキ</t>
    </rPh>
    <rPh sb="4" eb="5">
      <t>ヒ</t>
    </rPh>
    <rPh sb="8" eb="9">
      <t>ツキ</t>
    </rPh>
    <rPh sb="11" eb="12">
      <t>ヒ</t>
    </rPh>
    <phoneticPr fontId="1"/>
  </si>
  <si>
    <t>P8-12</t>
    <phoneticPr fontId="1"/>
  </si>
  <si>
    <t>P9-13-9</t>
    <phoneticPr fontId="1"/>
  </si>
  <si>
    <t>P9-13-11</t>
    <phoneticPr fontId="1"/>
  </si>
  <si>
    <t>P11-15</t>
    <phoneticPr fontId="1"/>
  </si>
  <si>
    <t>指定管理者候補者の選定に当たっては、その評価基準として、受託能力の評価に４０点、提案内容の評価に１１０点、管理運営費の評価に５０点、合計２００点満点で評価します。
なお、提案内容の評価の各項目の点数配分については公表しておりません。</t>
    <rPh sb="0" eb="5">
      <t>シテイ</t>
    </rPh>
    <rPh sb="5" eb="8">
      <t>コウホ</t>
    </rPh>
    <rPh sb="9" eb="11">
      <t>センテイ</t>
    </rPh>
    <rPh sb="12" eb="13">
      <t>ア</t>
    </rPh>
    <rPh sb="20" eb="22">
      <t>ヒョウカ</t>
    </rPh>
    <rPh sb="22" eb="24">
      <t>キジュン</t>
    </rPh>
    <rPh sb="28" eb="30">
      <t>ジュタク</t>
    </rPh>
    <rPh sb="30" eb="32">
      <t>ノウリョク</t>
    </rPh>
    <rPh sb="33" eb="35">
      <t>ヒョウカ</t>
    </rPh>
    <rPh sb="38" eb="39">
      <t>テン</t>
    </rPh>
    <rPh sb="40" eb="42">
      <t>テイアン</t>
    </rPh>
    <rPh sb="42" eb="44">
      <t>ナイヨウ</t>
    </rPh>
    <rPh sb="45" eb="47">
      <t>ヒョウカ</t>
    </rPh>
    <rPh sb="51" eb="52">
      <t>テン</t>
    </rPh>
    <rPh sb="53" eb="55">
      <t>カンリ</t>
    </rPh>
    <rPh sb="55" eb="58">
      <t>ウンエイヒ</t>
    </rPh>
    <rPh sb="59" eb="61">
      <t>ヒョウカ</t>
    </rPh>
    <rPh sb="64" eb="65">
      <t>テン</t>
    </rPh>
    <rPh sb="66" eb="68">
      <t>ゴウケイ</t>
    </rPh>
    <rPh sb="71" eb="72">
      <t>テン</t>
    </rPh>
    <rPh sb="72" eb="74">
      <t>マンテン</t>
    </rPh>
    <rPh sb="75" eb="77">
      <t>ヒョウカ</t>
    </rPh>
    <phoneticPr fontId="1"/>
  </si>
  <si>
    <t>P11-15-(4)</t>
    <phoneticPr fontId="1"/>
  </si>
  <si>
    <t>P8-11-②</t>
    <phoneticPr fontId="1"/>
  </si>
  <si>
    <t>自動販売機等設置に係る使用料は免除となります。ただし、自動販売機等の運営によって生じた電気代は計器類等に基づき算定し、市に納付していただきます。</t>
    <rPh sb="0" eb="2">
      <t>ジドウ</t>
    </rPh>
    <rPh sb="2" eb="5">
      <t>ハンバイキ</t>
    </rPh>
    <rPh sb="5" eb="6">
      <t>ナド</t>
    </rPh>
    <rPh sb="6" eb="8">
      <t>セッチ</t>
    </rPh>
    <rPh sb="9" eb="10">
      <t>カカ</t>
    </rPh>
    <rPh sb="11" eb="13">
      <t>シヨウ</t>
    </rPh>
    <rPh sb="13" eb="14">
      <t>リョウ</t>
    </rPh>
    <rPh sb="15" eb="17">
      <t>メンジョ</t>
    </rPh>
    <rPh sb="34" eb="36">
      <t>ウンエイ</t>
    </rPh>
    <rPh sb="40" eb="41">
      <t>ショウ</t>
    </rPh>
    <rPh sb="43" eb="46">
      <t>デンキダイ</t>
    </rPh>
    <rPh sb="47" eb="51">
      <t>ケイキルイナド</t>
    </rPh>
    <rPh sb="52" eb="53">
      <t>モト</t>
    </rPh>
    <rPh sb="55" eb="57">
      <t>サンテイ</t>
    </rPh>
    <rPh sb="59" eb="60">
      <t>シ</t>
    </rPh>
    <rPh sb="61" eb="63">
      <t>ノウフ</t>
    </rPh>
    <phoneticPr fontId="1"/>
  </si>
  <si>
    <t>印刷機及びコピー機の設置に係る使用料は免除となります。また、計器類の設置は必須ではありませんが、計器（子メーター）を設置しない場合は、印刷機及びコピー機の運営によって生じた電気代を、定額消費電力を基に算定し、市に納付していただきます。</t>
    <rPh sb="0" eb="3">
      <t>インサツキ</t>
    </rPh>
    <rPh sb="3" eb="4">
      <t>オヨ</t>
    </rPh>
    <rPh sb="8" eb="9">
      <t>キ</t>
    </rPh>
    <rPh sb="30" eb="33">
      <t>ケイキルイ</t>
    </rPh>
    <rPh sb="34" eb="36">
      <t>セッチ</t>
    </rPh>
    <rPh sb="37" eb="39">
      <t>ヒッス</t>
    </rPh>
    <rPh sb="91" eb="93">
      <t>テイガク</t>
    </rPh>
    <rPh sb="93" eb="95">
      <t>ショウヒ</t>
    </rPh>
    <rPh sb="95" eb="97">
      <t>デンリョク</t>
    </rPh>
    <rPh sb="98" eb="99">
      <t>モト</t>
    </rPh>
    <rPh sb="100" eb="102">
      <t>サンテイ</t>
    </rPh>
    <rPh sb="104" eb="105">
      <t>シ</t>
    </rPh>
    <rPh sb="106" eb="108">
      <t>ノウフ</t>
    </rPh>
    <phoneticPr fontId="1"/>
  </si>
  <si>
    <t>P9-12-（2）</t>
    <phoneticPr fontId="1"/>
  </si>
  <si>
    <t>P32(資料番号11)</t>
    <rPh sb="4" eb="8">
      <t>シリョウバンゴウ</t>
    </rPh>
    <phoneticPr fontId="1"/>
  </si>
  <si>
    <t>排出事業者は、指定管理者になります。施設から排出される廃棄物の処理費用は、日常のゴミも含め、すべて指定管理料に見込んでください。</t>
    <rPh sb="0" eb="2">
      <t>ハイシュツ</t>
    </rPh>
    <rPh sb="2" eb="5">
      <t>ジギョウシャ</t>
    </rPh>
    <rPh sb="7" eb="9">
      <t>シテイ</t>
    </rPh>
    <rPh sb="9" eb="12">
      <t>カンリシャ</t>
    </rPh>
    <rPh sb="18" eb="20">
      <t>シセツ</t>
    </rPh>
    <rPh sb="22" eb="24">
      <t>ハイシュツ</t>
    </rPh>
    <rPh sb="27" eb="30">
      <t>ハイキブツ</t>
    </rPh>
    <rPh sb="31" eb="33">
      <t>ショリ</t>
    </rPh>
    <rPh sb="33" eb="35">
      <t>ヒヨウ</t>
    </rPh>
    <rPh sb="49" eb="51">
      <t>シテイ</t>
    </rPh>
    <rPh sb="51" eb="53">
      <t>カンリ</t>
    </rPh>
    <rPh sb="53" eb="54">
      <t>リョウ</t>
    </rPh>
    <rPh sb="55" eb="57">
      <t>ミコ</t>
    </rPh>
    <phoneticPr fontId="1"/>
  </si>
  <si>
    <t>参考資料集</t>
    <rPh sb="0" eb="5">
      <t>サンコウシリョウシュウ</t>
    </rPh>
    <phoneticPr fontId="1"/>
  </si>
  <si>
    <t>質問の受付は、原則、電子メールと理解しているが、自主事業の運営などに関して、市や事業者の趣旨が伝わりづらいと思われる事項は、電話で確認することも可能ですか？</t>
    <phoneticPr fontId="1"/>
  </si>
  <si>
    <t>印刷機、コピー機の設置に伴う、行政財産使用料を教えてください。また、計器類の設置は必須でしょうか？</t>
    <rPh sb="0" eb="3">
      <t>インサツキ</t>
    </rPh>
    <rPh sb="7" eb="8">
      <t>キ</t>
    </rPh>
    <rPh sb="9" eb="11">
      <t>セッチ</t>
    </rPh>
    <rPh sb="12" eb="13">
      <t>トモナ</t>
    </rPh>
    <rPh sb="15" eb="17">
      <t>ギョウセイ</t>
    </rPh>
    <rPh sb="17" eb="19">
      <t>ザイサン</t>
    </rPh>
    <rPh sb="19" eb="21">
      <t>シヨウ</t>
    </rPh>
    <rPh sb="21" eb="22">
      <t>リョウ</t>
    </rPh>
    <rPh sb="23" eb="24">
      <t>オシ</t>
    </rPh>
    <rPh sb="34" eb="37">
      <t>ケイキルイ</t>
    </rPh>
    <rPh sb="38" eb="40">
      <t>セッチ</t>
    </rPh>
    <rPh sb="41" eb="43">
      <t>ヒッス</t>
    </rPh>
    <phoneticPr fontId="1"/>
  </si>
  <si>
    <t>光熱費も精算項目になりますか？</t>
    <rPh sb="0" eb="3">
      <t>コウネツヒ</t>
    </rPh>
    <rPh sb="4" eb="6">
      <t>セイサン</t>
    </rPh>
    <rPh sb="6" eb="8">
      <t>コウモク</t>
    </rPh>
    <phoneticPr fontId="1"/>
  </si>
  <si>
    <t>令和4年度の光熱費決算額は現状を表してはおりません。年度後半から電気代のさらなる値上げがあったため、参考資料のP5電気使用量推移を参考に金額を見込んでください。値下がり等で残金があった場合は市と指定管理者協議の上返金となります。</t>
    <rPh sb="0" eb="2">
      <t>レイワ</t>
    </rPh>
    <rPh sb="3" eb="5">
      <t>ネンド</t>
    </rPh>
    <rPh sb="6" eb="9">
      <t>コウネツヒ</t>
    </rPh>
    <rPh sb="9" eb="12">
      <t>ケッサンガク</t>
    </rPh>
    <rPh sb="13" eb="15">
      <t>ゲンジョウ</t>
    </rPh>
    <rPh sb="16" eb="17">
      <t>アラワ</t>
    </rPh>
    <rPh sb="26" eb="28">
      <t>ネンド</t>
    </rPh>
    <rPh sb="28" eb="30">
      <t>コウハン</t>
    </rPh>
    <rPh sb="32" eb="35">
      <t>デンキダイ</t>
    </rPh>
    <rPh sb="40" eb="42">
      <t>ネア</t>
    </rPh>
    <rPh sb="50" eb="54">
      <t>サンコウシリョウ</t>
    </rPh>
    <rPh sb="57" eb="62">
      <t>デンキシヨウリョウ</t>
    </rPh>
    <rPh sb="62" eb="64">
      <t>スイイ</t>
    </rPh>
    <rPh sb="65" eb="67">
      <t>サンコウ</t>
    </rPh>
    <rPh sb="68" eb="70">
      <t>キンガク</t>
    </rPh>
    <rPh sb="71" eb="73">
      <t>ミコ</t>
    </rPh>
    <rPh sb="80" eb="82">
      <t>ネサ</t>
    </rPh>
    <rPh sb="84" eb="85">
      <t>トウ</t>
    </rPh>
    <rPh sb="86" eb="88">
      <t>ザンキン</t>
    </rPh>
    <rPh sb="92" eb="94">
      <t>バアイ</t>
    </rPh>
    <rPh sb="95" eb="96">
      <t>シ</t>
    </rPh>
    <rPh sb="97" eb="101">
      <t>シテイカンリ</t>
    </rPh>
    <rPh sb="101" eb="102">
      <t>シャ</t>
    </rPh>
    <rPh sb="102" eb="104">
      <t>キョウギ</t>
    </rPh>
    <rPh sb="105" eb="106">
      <t>ウエ</t>
    </rPh>
    <rPh sb="106" eb="108">
      <t>ヘンキン</t>
    </rPh>
    <phoneticPr fontId="1"/>
  </si>
  <si>
    <t>喫茶軽食スペースの行政財産使用許可使用料を教えてください。</t>
    <rPh sb="0" eb="2">
      <t>キッサ</t>
    </rPh>
    <rPh sb="2" eb="4">
      <t>ケイショク</t>
    </rPh>
    <rPh sb="9" eb="11">
      <t>ギョウセイ</t>
    </rPh>
    <rPh sb="11" eb="13">
      <t>ザイサン</t>
    </rPh>
    <rPh sb="13" eb="15">
      <t>シヨウ</t>
    </rPh>
    <rPh sb="15" eb="17">
      <t>キョカ</t>
    </rPh>
    <rPh sb="17" eb="20">
      <t>シヨウリョウ</t>
    </rPh>
    <rPh sb="21" eb="22">
      <t>オシ</t>
    </rPh>
    <phoneticPr fontId="1"/>
  </si>
  <si>
    <t>喫茶軽食スペースの営業時間についは、開館時間の範囲内として、協議により決定します。</t>
    <rPh sb="0" eb="2">
      <t>キッサ</t>
    </rPh>
    <rPh sb="2" eb="4">
      <t>ケイショク</t>
    </rPh>
    <rPh sb="9" eb="11">
      <t>エイギョウ</t>
    </rPh>
    <rPh sb="11" eb="13">
      <t>ジカン</t>
    </rPh>
    <rPh sb="30" eb="32">
      <t>キョウギ</t>
    </rPh>
    <rPh sb="35" eb="37">
      <t>ケッテイ</t>
    </rPh>
    <phoneticPr fontId="1"/>
  </si>
  <si>
    <t>光熱費の内訳で電気代の使用量はわかるのですが水道代の過去3年間の実績（コロナ禍除く）は？</t>
    <rPh sb="0" eb="3">
      <t>コウネツヒ</t>
    </rPh>
    <rPh sb="4" eb="6">
      <t>ウチワケ</t>
    </rPh>
    <rPh sb="7" eb="10">
      <t>デンキダイ</t>
    </rPh>
    <rPh sb="11" eb="14">
      <t>シヨウリョウ</t>
    </rPh>
    <rPh sb="22" eb="25">
      <t>スイドウダイ</t>
    </rPh>
    <rPh sb="26" eb="28">
      <t>カコ</t>
    </rPh>
    <rPh sb="29" eb="31">
      <t>ネンカン</t>
    </rPh>
    <rPh sb="32" eb="34">
      <t>ジッセキ</t>
    </rPh>
    <rPh sb="38" eb="39">
      <t>カ</t>
    </rPh>
    <rPh sb="39" eb="40">
      <t>ノゾ</t>
    </rPh>
    <phoneticPr fontId="1"/>
  </si>
  <si>
    <t>令和4年度 16,732㎥ 約565万円
令和元年度16,756㎥ 約557万円
平成30年度16,732㎥ 約550万円</t>
    <rPh sb="0" eb="2">
      <t>レイワ</t>
    </rPh>
    <rPh sb="3" eb="5">
      <t>ネンド</t>
    </rPh>
    <rPh sb="14" eb="15">
      <t>ヤク</t>
    </rPh>
    <rPh sb="18" eb="20">
      <t>マンエン</t>
    </rPh>
    <rPh sb="21" eb="23">
      <t>レイワ</t>
    </rPh>
    <rPh sb="23" eb="24">
      <t>ガン</t>
    </rPh>
    <rPh sb="24" eb="26">
      <t>ネンド</t>
    </rPh>
    <rPh sb="41" eb="43">
      <t>ヘイセイ</t>
    </rPh>
    <rPh sb="45" eb="47">
      <t>ネンド</t>
    </rPh>
    <phoneticPr fontId="1"/>
  </si>
  <si>
    <t>喫茶軽食スペースの使用料は免除となります。また、計器類の設置は必須ではありませんが、電気料を納付していただきますので計器（子メーター）を設置しない場合は、面積や営業時間を基に算定し、水道使用料とともに市に納付していただきます。</t>
    <rPh sb="42" eb="45">
      <t>デンキリョウ</t>
    </rPh>
    <rPh sb="46" eb="48">
      <t>ノウフ</t>
    </rPh>
    <rPh sb="77" eb="79">
      <t>メンセキ</t>
    </rPh>
    <rPh sb="80" eb="84">
      <t>エイギョウジカン</t>
    </rPh>
    <rPh sb="91" eb="93">
      <t>スイドウ</t>
    </rPh>
    <rPh sb="93" eb="96">
      <t>シヨウリョウ</t>
    </rPh>
    <phoneticPr fontId="1"/>
  </si>
  <si>
    <t xml:space="preserve"> </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6"/>
      <name val="ＭＳ Ｐゴシック"/>
      <family val="3"/>
      <charset val="128"/>
    </font>
    <font>
      <sz val="12"/>
      <name val="ＭＳ Ｐゴシック"/>
      <family val="3"/>
      <charset val="128"/>
    </font>
    <font>
      <sz val="14"/>
      <name val="ＭＳ Ｐゴシック"/>
      <family val="3"/>
      <charset val="128"/>
    </font>
    <font>
      <sz val="16"/>
      <name val="ＭＳ Ｐゴシック"/>
      <family val="3"/>
      <charset val="128"/>
    </font>
  </fonts>
  <fills count="2">
    <fill>
      <patternFill patternType="none"/>
    </fill>
    <fill>
      <patternFill patternType="gray125"/>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13">
    <xf numFmtId="0" fontId="0" fillId="0" borderId="0" xfId="0">
      <alignment vertical="center"/>
    </xf>
    <xf numFmtId="0" fontId="2" fillId="0" borderId="1" xfId="0" applyFont="1" applyBorder="1" applyAlignment="1">
      <alignment horizontal="center" vertical="center" wrapText="1"/>
    </xf>
    <xf numFmtId="0" fontId="2" fillId="0" borderId="0" xfId="0" applyFont="1" applyAlignment="1">
      <alignment horizontal="left" vertical="center" wrapText="1"/>
    </xf>
    <xf numFmtId="0" fontId="2" fillId="0" borderId="1" xfId="0" applyFont="1" applyBorder="1" applyAlignment="1">
      <alignment vertical="center" shrinkToFit="1"/>
    </xf>
    <xf numFmtId="0" fontId="2" fillId="0" borderId="0" xfId="0" applyFont="1" applyAlignment="1">
      <alignment vertical="center" wrapText="1"/>
    </xf>
    <xf numFmtId="0" fontId="2" fillId="0" borderId="0" xfId="0" applyFont="1">
      <alignment vertical="center"/>
    </xf>
    <xf numFmtId="0" fontId="3" fillId="0" borderId="1" xfId="0" applyFont="1" applyBorder="1" applyAlignment="1">
      <alignment horizontal="left" vertical="center" wrapText="1"/>
    </xf>
    <xf numFmtId="0" fontId="4" fillId="0" borderId="1" xfId="0" applyFont="1" applyBorder="1" applyAlignment="1">
      <alignment horizontal="left" vertical="center" wrapText="1"/>
    </xf>
    <xf numFmtId="0" fontId="4" fillId="0" borderId="1" xfId="0" applyFont="1" applyBorder="1" applyAlignment="1">
      <alignment horizontal="justify" vertical="center" wrapText="1"/>
    </xf>
    <xf numFmtId="0" fontId="4" fillId="0" borderId="1" xfId="0" applyFont="1" applyBorder="1" applyAlignment="1">
      <alignment vertical="center" shrinkToFit="1"/>
    </xf>
    <xf numFmtId="0" fontId="4" fillId="0" borderId="1" xfId="0" applyFont="1" applyBorder="1" applyAlignment="1">
      <alignment vertical="center" wrapText="1"/>
    </xf>
    <xf numFmtId="0" fontId="4" fillId="0" borderId="1" xfId="0" applyFont="1" applyFill="1" applyBorder="1" applyAlignment="1">
      <alignment vertical="center" wrapText="1"/>
    </xf>
    <xf numFmtId="14" fontId="2" fillId="0" borderId="0" xfId="0" applyNumberFormat="1" applyFont="1" applyAlignment="1">
      <alignment horizontal="righ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E27"/>
  <sheetViews>
    <sheetView tabSelected="1" view="pageLayout" zoomScale="85" zoomScaleNormal="55" zoomScaleSheetLayoutView="100" zoomScalePageLayoutView="85" workbookViewId="0">
      <selection activeCell="H3" sqref="H3"/>
    </sheetView>
  </sheetViews>
  <sheetFormatPr defaultColWidth="9" defaultRowHeight="14.4" x14ac:dyDescent="0.2"/>
  <cols>
    <col min="1" max="1" width="3.77734375" style="2" bestFit="1" customWidth="1"/>
    <col min="2" max="2" width="13" style="4" bestFit="1" customWidth="1"/>
    <col min="3" max="3" width="20" style="2" customWidth="1"/>
    <col min="4" max="4" width="41.6640625" style="2" customWidth="1"/>
    <col min="5" max="5" width="43.21875" style="2" customWidth="1"/>
    <col min="6" max="16384" width="9" style="2"/>
  </cols>
  <sheetData>
    <row r="1" spans="1:5" x14ac:dyDescent="0.2">
      <c r="E1" s="12" t="s">
        <v>66</v>
      </c>
    </row>
    <row r="2" spans="1:5" ht="21.75" customHeight="1" x14ac:dyDescent="0.2">
      <c r="A2" s="1" t="s">
        <v>2</v>
      </c>
      <c r="B2" s="1" t="s">
        <v>17</v>
      </c>
      <c r="C2" s="1" t="s">
        <v>6</v>
      </c>
      <c r="D2" s="1" t="s">
        <v>8</v>
      </c>
      <c r="E2" s="1" t="s">
        <v>7</v>
      </c>
    </row>
    <row r="3" spans="1:5" ht="133.5" customHeight="1" x14ac:dyDescent="0.2">
      <c r="A3" s="1">
        <v>1</v>
      </c>
      <c r="B3" s="9" t="s">
        <v>10</v>
      </c>
      <c r="C3" s="7" t="s">
        <v>38</v>
      </c>
      <c r="D3" s="7" t="s">
        <v>40</v>
      </c>
      <c r="E3" s="7" t="s">
        <v>12</v>
      </c>
    </row>
    <row r="4" spans="1:5" ht="117.75" customHeight="1" x14ac:dyDescent="0.2">
      <c r="A4" s="1">
        <v>2</v>
      </c>
      <c r="B4" s="9" t="s">
        <v>10</v>
      </c>
      <c r="C4" s="7" t="s">
        <v>38</v>
      </c>
      <c r="D4" s="7" t="s">
        <v>39</v>
      </c>
      <c r="E4" s="10" t="s">
        <v>16</v>
      </c>
    </row>
    <row r="5" spans="1:5" ht="72.599999999999994" customHeight="1" x14ac:dyDescent="0.2">
      <c r="A5" s="1">
        <v>3</v>
      </c>
      <c r="B5" s="9" t="s">
        <v>10</v>
      </c>
      <c r="C5" s="7" t="s">
        <v>41</v>
      </c>
      <c r="D5" s="7" t="s">
        <v>18</v>
      </c>
      <c r="E5" s="7" t="s">
        <v>3</v>
      </c>
    </row>
    <row r="6" spans="1:5" ht="106.5" customHeight="1" x14ac:dyDescent="0.2">
      <c r="A6" s="1">
        <v>4</v>
      </c>
      <c r="B6" s="9" t="s">
        <v>10</v>
      </c>
      <c r="C6" s="7" t="s">
        <v>41</v>
      </c>
      <c r="D6" s="7" t="s">
        <v>19</v>
      </c>
      <c r="E6" s="7" t="s">
        <v>31</v>
      </c>
    </row>
    <row r="7" spans="1:5" ht="49.5" customHeight="1" x14ac:dyDescent="0.2">
      <c r="A7" s="1">
        <v>5</v>
      </c>
      <c r="B7" s="9" t="s">
        <v>10</v>
      </c>
      <c r="C7" s="7" t="s">
        <v>42</v>
      </c>
      <c r="D7" s="7" t="s">
        <v>21</v>
      </c>
      <c r="E7" s="7" t="s">
        <v>43</v>
      </c>
    </row>
    <row r="8" spans="1:5" ht="126.75" customHeight="1" x14ac:dyDescent="0.2">
      <c r="A8" s="1">
        <v>6</v>
      </c>
      <c r="B8" s="9" t="s">
        <v>10</v>
      </c>
      <c r="C8" s="7" t="s">
        <v>42</v>
      </c>
      <c r="D8" s="7" t="s">
        <v>57</v>
      </c>
      <c r="E8" s="7" t="s">
        <v>20</v>
      </c>
    </row>
    <row r="9" spans="1:5" ht="113.25" customHeight="1" x14ac:dyDescent="0.2">
      <c r="A9" s="1">
        <v>7</v>
      </c>
      <c r="B9" s="9" t="s">
        <v>10</v>
      </c>
      <c r="C9" s="7" t="s">
        <v>44</v>
      </c>
      <c r="D9" s="7" t="s">
        <v>22</v>
      </c>
      <c r="E9" s="7" t="s">
        <v>34</v>
      </c>
    </row>
    <row r="10" spans="1:5" ht="106.5" customHeight="1" x14ac:dyDescent="0.2">
      <c r="A10" s="1">
        <v>8</v>
      </c>
      <c r="B10" s="9" t="s">
        <v>10</v>
      </c>
      <c r="C10" s="7" t="s">
        <v>45</v>
      </c>
      <c r="D10" s="7" t="s">
        <v>24</v>
      </c>
      <c r="E10" s="7" t="s">
        <v>4</v>
      </c>
    </row>
    <row r="11" spans="1:5" ht="82.5" customHeight="1" x14ac:dyDescent="0.2">
      <c r="A11" s="1">
        <v>9</v>
      </c>
      <c r="B11" s="9" t="s">
        <v>10</v>
      </c>
      <c r="C11" s="7" t="s">
        <v>46</v>
      </c>
      <c r="D11" s="8" t="s">
        <v>25</v>
      </c>
      <c r="E11" s="8" t="s">
        <v>5</v>
      </c>
    </row>
    <row r="12" spans="1:5" ht="75" customHeight="1" x14ac:dyDescent="0.2">
      <c r="A12" s="1">
        <v>10</v>
      </c>
      <c r="B12" s="9" t="s">
        <v>10</v>
      </c>
      <c r="C12" s="7" t="s">
        <v>14</v>
      </c>
      <c r="D12" s="8" t="s">
        <v>26</v>
      </c>
      <c r="E12" s="8" t="s">
        <v>1</v>
      </c>
    </row>
    <row r="13" spans="1:5" ht="176.25" customHeight="1" x14ac:dyDescent="0.2">
      <c r="A13" s="1">
        <v>11</v>
      </c>
      <c r="B13" s="9" t="s">
        <v>10</v>
      </c>
      <c r="C13" s="7" t="s">
        <v>47</v>
      </c>
      <c r="D13" s="7" t="s">
        <v>23</v>
      </c>
      <c r="E13" s="7" t="s">
        <v>48</v>
      </c>
    </row>
    <row r="14" spans="1:5" ht="79.2" customHeight="1" x14ac:dyDescent="0.2">
      <c r="A14" s="1">
        <v>12</v>
      </c>
      <c r="B14" s="9" t="s">
        <v>10</v>
      </c>
      <c r="C14" s="7" t="s">
        <v>49</v>
      </c>
      <c r="D14" s="7" t="s">
        <v>27</v>
      </c>
      <c r="E14" s="7" t="s">
        <v>36</v>
      </c>
    </row>
    <row r="15" spans="1:5" ht="85.5" customHeight="1" x14ac:dyDescent="0.2">
      <c r="A15" s="1">
        <v>13</v>
      </c>
      <c r="B15" s="9" t="s">
        <v>9</v>
      </c>
      <c r="C15" s="6" t="s">
        <v>50</v>
      </c>
      <c r="D15" s="7" t="s">
        <v>32</v>
      </c>
      <c r="E15" s="10" t="s">
        <v>11</v>
      </c>
    </row>
    <row r="16" spans="1:5" ht="106.8" customHeight="1" x14ac:dyDescent="0.2">
      <c r="A16" s="1">
        <v>14</v>
      </c>
      <c r="B16" s="9" t="s">
        <v>9</v>
      </c>
      <c r="C16" s="6" t="s">
        <v>42</v>
      </c>
      <c r="D16" s="7" t="s">
        <v>33</v>
      </c>
      <c r="E16" s="7" t="s">
        <v>51</v>
      </c>
    </row>
    <row r="17" spans="1:5" ht="186" customHeight="1" x14ac:dyDescent="0.2">
      <c r="A17" s="1">
        <v>15</v>
      </c>
      <c r="B17" s="9" t="s">
        <v>9</v>
      </c>
      <c r="C17" s="6" t="s">
        <v>42</v>
      </c>
      <c r="D17" s="7" t="s">
        <v>58</v>
      </c>
      <c r="E17" s="7" t="s">
        <v>52</v>
      </c>
    </row>
    <row r="18" spans="1:5" ht="195" customHeight="1" x14ac:dyDescent="0.2">
      <c r="A18" s="1">
        <v>16</v>
      </c>
      <c r="B18" s="9" t="s">
        <v>9</v>
      </c>
      <c r="C18" s="6" t="s">
        <v>53</v>
      </c>
      <c r="D18" s="10" t="s">
        <v>59</v>
      </c>
      <c r="E18" s="10" t="s">
        <v>60</v>
      </c>
    </row>
    <row r="19" spans="1:5" ht="79.5" customHeight="1" x14ac:dyDescent="0.2">
      <c r="A19" s="1">
        <v>17</v>
      </c>
      <c r="B19" s="9" t="s">
        <v>56</v>
      </c>
      <c r="C19" s="6" t="s">
        <v>54</v>
      </c>
      <c r="D19" s="10" t="s">
        <v>35</v>
      </c>
      <c r="E19" s="10" t="s">
        <v>0</v>
      </c>
    </row>
    <row r="20" spans="1:5" ht="180" customHeight="1" x14ac:dyDescent="0.2">
      <c r="A20" s="1">
        <v>18</v>
      </c>
      <c r="B20" s="9" t="s">
        <v>56</v>
      </c>
      <c r="C20" s="6" t="s">
        <v>54</v>
      </c>
      <c r="D20" s="10" t="s">
        <v>28</v>
      </c>
      <c r="E20" s="10" t="s">
        <v>62</v>
      </c>
    </row>
    <row r="21" spans="1:5" ht="170.4" customHeight="1" x14ac:dyDescent="0.2">
      <c r="A21" s="1">
        <v>19</v>
      </c>
      <c r="B21" s="9" t="s">
        <v>56</v>
      </c>
      <c r="C21" s="6" t="s">
        <v>54</v>
      </c>
      <c r="D21" s="10" t="s">
        <v>61</v>
      </c>
      <c r="E21" s="11" t="s">
        <v>65</v>
      </c>
    </row>
    <row r="22" spans="1:5" ht="165" customHeight="1" x14ac:dyDescent="0.2">
      <c r="A22" s="1">
        <v>20</v>
      </c>
      <c r="B22" s="3" t="s">
        <v>13</v>
      </c>
      <c r="C22" s="7"/>
      <c r="D22" s="7" t="s">
        <v>29</v>
      </c>
      <c r="E22" s="7" t="s">
        <v>55</v>
      </c>
    </row>
    <row r="23" spans="1:5" ht="98.25" customHeight="1" x14ac:dyDescent="0.2">
      <c r="A23" s="1">
        <v>21</v>
      </c>
      <c r="B23" s="3" t="s">
        <v>13</v>
      </c>
      <c r="C23" s="7"/>
      <c r="D23" s="7" t="s">
        <v>37</v>
      </c>
      <c r="E23" s="7" t="s">
        <v>15</v>
      </c>
    </row>
    <row r="24" spans="1:5" ht="98.25" customHeight="1" x14ac:dyDescent="0.2">
      <c r="A24" s="1">
        <v>22</v>
      </c>
      <c r="B24" s="3" t="s">
        <v>13</v>
      </c>
      <c r="C24" s="7"/>
      <c r="D24" s="7" t="s">
        <v>30</v>
      </c>
      <c r="E24" s="7" t="s">
        <v>15</v>
      </c>
    </row>
    <row r="25" spans="1:5" ht="102" customHeight="1" x14ac:dyDescent="0.2">
      <c r="A25" s="1">
        <v>23</v>
      </c>
      <c r="B25" s="3" t="s">
        <v>13</v>
      </c>
      <c r="C25" s="7"/>
      <c r="D25" s="7" t="s">
        <v>63</v>
      </c>
      <c r="E25" s="7" t="s">
        <v>64</v>
      </c>
    </row>
    <row r="26" spans="1:5" x14ac:dyDescent="0.2">
      <c r="E26" s="5"/>
    </row>
    <row r="27" spans="1:5" x14ac:dyDescent="0.2">
      <c r="E27" s="5"/>
    </row>
  </sheetData>
  <phoneticPr fontId="1"/>
  <printOptions horizontalCentered="1"/>
  <pageMargins left="0.25" right="0.25" top="0.75" bottom="0.75" header="0.3" footer="0.3"/>
  <pageSetup paperSize="9" scale="59" fitToHeight="48" orientation="portrait" r:id="rId1"/>
  <headerFooter alignWithMargins="0">
    <oddHeader>&amp;C&amp;14狭山市市民健康文化センター指定管理者募集に係る想定問答</oddHeader>
    <oddFooter>&amp;C&amp;P</oddFooter>
  </headerFooter>
  <rowBreaks count="2" manualBreakCount="2">
    <brk id="14" max="16383" man="1"/>
    <brk id="21"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QA</vt:lpstr>
      <vt:lpstr>QA!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澤　秀紀</dc:creator>
  <cp:lastModifiedBy>小澤　秀紀</cp:lastModifiedBy>
  <cp:lastPrinted>2023-07-11T06:41:18Z</cp:lastPrinted>
  <dcterms:created xsi:type="dcterms:W3CDTF">2011-08-02T02:12:02Z</dcterms:created>
  <dcterms:modified xsi:type="dcterms:W3CDTF">2023-08-01T04:32:18Z</dcterms:modified>
</cp:coreProperties>
</file>